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369\01_調整グループ\10_交付金\03_新興感染症対応力強化事業補助金\12_WEBページ（CMS）\03_交付申請\掲載資料\県要綱_0815\"/>
    </mc:Choice>
  </mc:AlternateContent>
  <bookViews>
    <workbookView xWindow="0" yWindow="0" windowWidth="19200" windowHeight="8840"/>
  </bookViews>
  <sheets>
    <sheet name="第２号様式（消費税仕入控除）" sheetId="1" r:id="rId1"/>
  </sheets>
  <externalReferences>
    <externalReference r:id="rId2"/>
    <externalReference r:id="rId3"/>
    <externalReference r:id="rId4"/>
    <externalReference r:id="rId5"/>
  </externalReferences>
  <definedNames>
    <definedName name="_Key1" hidden="1">#REF!</definedName>
    <definedName name="_Key2" hidden="1">#REF!</definedName>
    <definedName name="_Order1" hidden="1">255</definedName>
    <definedName name="_Order2" hidden="1">255</definedName>
    <definedName name="_Sort" hidden="1">#REF!</definedName>
    <definedName name="〇×">[2]処遇改善状況!$J$29:$J$30</definedName>
    <definedName name="a">#REF!</definedName>
    <definedName name="ＡＡＡ" hidden="1">#REF!</definedName>
    <definedName name="aaaa">#REF!</definedName>
    <definedName name="aaaaaaaaaaaaaaaaaa" hidden="1">#REF!</definedName>
    <definedName name="b">#REF!</definedName>
    <definedName name="ＢＢＢ" hidden="1">#REF!</definedName>
    <definedName name="E" hidden="1">#REF!</definedName>
    <definedName name="ｌ" hidden="1">#REF!</definedName>
    <definedName name="OLE_LINK1" localSheetId="0">'第２号様式（消費税仕入控除）'!$A$1</definedName>
    <definedName name="_xlnm.Print_Area" localSheetId="0">'第２号様式（消費税仕入控除）'!$A$1:$L$38</definedName>
    <definedName name="あ" hidden="1">#REF!</definedName>
    <definedName name="ああ">#REF!</definedName>
    <definedName name="い" hidden="1">#REF!</definedName>
    <definedName name="かかか">#REF!</definedName>
    <definedName name="クラスター">#REF!</definedName>
    <definedName name="こ" hidden="1">#REF!</definedName>
    <definedName name="こ」" hidden="1">#REF!</definedName>
    <definedName name="へき地医療拠点病院施設整備事業">#REF!</definedName>
    <definedName name="へき地診療所施設整備事業">#REF!</definedName>
    <definedName name="へき地保健指導所施設整備事業">#REF!</definedName>
    <definedName name="医師臨床研修病院研修医環境整備事業">#REF!</definedName>
    <definedName name="院内感染対策施設整備事業">#REF!</definedName>
    <definedName name="過疎地域等特定診療所施設整備事業">#REF!</definedName>
    <definedName name="研修医のための研修施設整備事業">#REF!</definedName>
    <definedName name="個人防護具">#REF!</definedName>
    <definedName name="産科医療機関施設整備事業">#REF!</definedName>
    <definedName name="死亡時画像診断システム施設整備事業">#REF!</definedName>
    <definedName name="事業区分">[2]処遇改善状況!$I$29:$I$30</definedName>
    <definedName name="事業分類" localSheetId="0">[3]事業分類・区分!$B$2:$H$2</definedName>
    <definedName name="事業分類">[4]事業分類・区分!$B$2:$H$2</definedName>
    <definedName name="南海トラフ地震に係る津波避難対策緊急事業">#REF!</definedName>
    <definedName name="病床確保料">#REF!</definedName>
    <definedName name="分娩取扱施設施設整備事業">#REF!</definedName>
    <definedName name="別紙１７" hidden="1">#REF!</definedName>
    <definedName name="別紙３１" hidden="1">#REF!</definedName>
    <definedName name="補助事業名">#REF!</definedName>
    <definedName name="有床診療所等スプリンクラー等施設整備事業">#REF!</definedName>
    <definedName name="離島等患者宿泊施設施設整備事業">#REF!</definedName>
    <definedName name="臨床研修病院施設整備事業">#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9" uniqueCount="17">
  <si>
    <r>
      <rPr>
        <sz val="12"/>
        <rFont val="ＭＳ ゴシック"/>
        <family val="3"/>
        <charset val="128"/>
      </rPr>
      <t>第２号様式</t>
    </r>
    <r>
      <rPr>
        <sz val="12"/>
        <rFont val="ＭＳ 明朝"/>
        <family val="1"/>
        <charset val="128"/>
      </rPr>
      <t>（用紙　日本産業規格Ａ４縦長型）</t>
    </r>
    <phoneticPr fontId="5"/>
  </si>
  <si>
    <t>　年　月　日　</t>
    <phoneticPr fontId="6"/>
  </si>
  <si>
    <t>　神奈川県知事　殿</t>
    <rPh sb="1" eb="4">
      <t>カナガワ</t>
    </rPh>
    <rPh sb="4" eb="7">
      <t>ケンチジ</t>
    </rPh>
    <phoneticPr fontId="5"/>
  </si>
  <si>
    <t>郵便番号</t>
    <phoneticPr fontId="5"/>
  </si>
  <si>
    <t>所在地</t>
    <rPh sb="0" eb="3">
      <t>ショザイチ</t>
    </rPh>
    <phoneticPr fontId="5"/>
  </si>
  <si>
    <t>提出者氏名
又は名称</t>
    <rPh sb="0" eb="2">
      <t>テイシュツ</t>
    </rPh>
    <rPh sb="2" eb="3">
      <t>シャ</t>
    </rPh>
    <rPh sb="3" eb="5">
      <t>シメイ</t>
    </rPh>
    <rPh sb="6" eb="7">
      <t>マタ</t>
    </rPh>
    <rPh sb="8" eb="10">
      <t>メイショウ</t>
    </rPh>
    <phoneticPr fontId="5"/>
  </si>
  <si>
    <t>　　年度消費税及び地方消費税に係る仕入控除税額報告書</t>
    <phoneticPr fontId="6"/>
  </si>
  <si>
    <t>　年　月　日付け　第　　号をもって交付決定のあった神奈川県協定締結医療機関設備整備費補助金について、神奈川県協定締結医療機関設備整備費補助金交付要綱第14条第１項の規定に基づき、次のとおり報告します。</t>
    <phoneticPr fontId="5"/>
  </si>
  <si>
    <t>　１　補助金等に係る予算の執行の適正化に関する法律（昭和30年法律第179号）</t>
    <phoneticPr fontId="6"/>
  </si>
  <si>
    <t>　　第15条の規定による確定額又は事業実績報告による精算額</t>
    <phoneticPr fontId="6"/>
  </si>
  <si>
    <t>　　　　　　　　　　　　　　　　　　　　　</t>
    <phoneticPr fontId="6"/>
  </si>
  <si>
    <t>金　　　　　　　　円</t>
    <phoneticPr fontId="6"/>
  </si>
  <si>
    <t>　２　消費税及び地方消費税の申告により確定した消費税及び地方消費税に係</t>
    <phoneticPr fontId="6"/>
  </si>
  <si>
    <t>　　る仕入控除税額（要補助金返還相当額）</t>
    <phoneticPr fontId="6"/>
  </si>
  <si>
    <t>　３　添付書類</t>
  </si>
  <si>
    <t xml:space="preserve">    記載内容を確認するための書類（確定申告書の写し、課税売上割合等が把</t>
  </si>
  <si>
    <t>　握できる資料、特定収入の割合を確認できる資料）を添付する。</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quot;金&quot;#,##0&quot;円&quot;_ ;[Red]\-#,##0\ "/>
  </numFmts>
  <fonts count="8">
    <font>
      <sz val="12"/>
      <color theme="1"/>
      <name val="ＭＳ 明朝"/>
      <family val="2"/>
      <charset val="128"/>
    </font>
    <font>
      <sz val="11"/>
      <name val="ＭＳ Ｐゴシック"/>
      <family val="3"/>
      <charset val="128"/>
    </font>
    <font>
      <sz val="12"/>
      <name val="MS UI Gothic"/>
      <family val="3"/>
      <charset val="128"/>
    </font>
    <font>
      <sz val="12"/>
      <name val="ＭＳ ゴシック"/>
      <family val="3"/>
      <charset val="128"/>
    </font>
    <font>
      <sz val="12"/>
      <name val="ＭＳ 明朝"/>
      <family val="1"/>
      <charset val="128"/>
    </font>
    <font>
      <sz val="6"/>
      <name val="ＭＳ 明朝"/>
      <family val="2"/>
      <charset val="128"/>
    </font>
    <font>
      <sz val="6"/>
      <name val="ＭＳ Ｐゴシック"/>
      <family val="3"/>
      <charset val="128"/>
    </font>
    <font>
      <sz val="12"/>
      <color theme="1"/>
      <name val="ＭＳ 明朝"/>
      <family val="1"/>
      <charset val="128"/>
    </font>
  </fonts>
  <fills count="2">
    <fill>
      <patternFill patternType="none"/>
    </fill>
    <fill>
      <patternFill patternType="gray125"/>
    </fill>
  </fills>
  <borders count="1">
    <border>
      <left/>
      <right/>
      <top/>
      <bottom/>
      <diagonal/>
    </border>
  </borders>
  <cellStyleXfs count="2">
    <xf numFmtId="0" fontId="0" fillId="0" borderId="0">
      <alignment vertical="center"/>
    </xf>
    <xf numFmtId="0" fontId="1" fillId="0" borderId="0"/>
  </cellStyleXfs>
  <cellXfs count="11">
    <xf numFmtId="0" fontId="0" fillId="0" borderId="0" xfId="0">
      <alignment vertical="center"/>
    </xf>
    <xf numFmtId="0" fontId="2" fillId="0" borderId="0" xfId="1" applyFont="1" applyFill="1" applyAlignment="1">
      <alignment horizontal="left" vertical="center"/>
    </xf>
    <xf numFmtId="0" fontId="4" fillId="0" borderId="0" xfId="1" applyFont="1" applyFill="1" applyAlignment="1">
      <alignment vertical="center"/>
    </xf>
    <xf numFmtId="0" fontId="4" fillId="0" borderId="0" xfId="1" applyFont="1" applyFill="1" applyAlignment="1">
      <alignment horizontal="left" vertical="center"/>
    </xf>
    <xf numFmtId="0" fontId="4" fillId="0" borderId="0" xfId="1" applyFont="1" applyFill="1" applyAlignment="1">
      <alignment horizontal="right" vertical="center"/>
    </xf>
    <xf numFmtId="0" fontId="7" fillId="0" borderId="0" xfId="0" applyFont="1" applyAlignment="1">
      <alignment horizontal="left" vertical="center"/>
    </xf>
    <xf numFmtId="0" fontId="7" fillId="0" borderId="0" xfId="0" applyFont="1" applyAlignment="1">
      <alignment horizontal="left" vertical="center" wrapText="1"/>
    </xf>
    <xf numFmtId="0" fontId="7" fillId="0" borderId="0" xfId="0" applyFont="1" applyAlignment="1">
      <alignment horizontal="left" vertical="center" wrapText="1"/>
    </xf>
    <xf numFmtId="0" fontId="4" fillId="0" borderId="0" xfId="1" applyFont="1" applyFill="1" applyAlignment="1">
      <alignment horizontal="center" vertical="center"/>
    </xf>
    <xf numFmtId="0" fontId="4" fillId="0" borderId="0" xfId="1" applyFont="1" applyFill="1" applyAlignment="1">
      <alignment horizontal="left" vertical="center" wrapText="1"/>
    </xf>
    <xf numFmtId="176" fontId="4" fillId="0" borderId="0" xfId="1" applyNumberFormat="1" applyFont="1" applyFill="1" applyBorder="1" applyAlignment="1">
      <alignment horizontal="right" vertical="center"/>
    </xf>
  </cellXfs>
  <cellStyles count="2">
    <cellStyle name="標準" xfId="0" builtinId="0"/>
    <cellStyle name="標準 3"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01_&#35519;&#25972;&#12464;&#12523;&#12540;&#12503;/10_&#20132;&#20184;&#37329;/03_&#26032;&#33288;&#24863;&#26579;&#30151;&#23550;&#24540;&#21147;&#24375;&#21270;&#20107;&#26989;&#35036;&#21161;&#37329;/03_&#35201;&#32177;/02_&#20132;&#20184;&#35201;&#32177;&#25913;&#23450;/02_&#35373;&#20633;&#25972;&#20633;/&#9675;03_&#27096;&#24335;1&#65374;6&#65288;&#21332;&#23450;&#35373;&#20633;&#65289;_0815&#65288;&#27770;&#35009;&#24460;&#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10.25.53.248\disk1\&#27770;&#31639;&#31532;&#19968;&#20418;\&#20132;&#20184;&#35201;&#32177;&#12539;&#23455;&#26045;&#35201;&#32177;\29&#24180;&#24230;&#65288;&#12467;&#12473;&#12488;&#21066;&#28187;&#12289;&#27096;&#24335;&#35211;&#30452;&#12375;&#65289;\&#20132;04_&#21307;&#30274;&#25552;&#20379;&#20307;&#21046;&#25512;&#36914;&#20107;&#26989;&#36027;&#35036;&#21161;&#37329;&#20132;&#20184;&#35201;&#32177;\&#27096;&#24335;\&#32113;&#21512;&#35036;&#21161;&#37329;_&#21029;&#32025;&#65297;&#65374;&#21029;&#32025;6&#65288;&#26696;&#65289;_&#20462;&#27491;&#21453;&#26144;.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kfs01\2024\&#27770;&#31639;&#31532;&#19968;&#20418;\&#20132;&#20184;&#35201;&#32177;&#12539;&#23455;&#26045;&#35201;&#32177;\29&#24180;&#24230;&#65288;&#12467;&#12473;&#12488;&#21066;&#28187;&#12289;&#27096;&#24335;&#35211;&#30452;&#12375;&#65289;\&#20132;04_&#21307;&#30274;&#25552;&#20379;&#20307;&#21046;&#25512;&#36914;&#20107;&#26989;&#36027;&#35036;&#21161;&#37329;&#20132;&#20184;&#35201;&#32177;\&#27096;&#24335;\&#32113;&#21512;&#35036;&#21161;&#37329;_&#21029;&#32025;&#65297;&#65374;&#21029;&#32025;6&#65288;&#26696;&#65289;_&#20462;&#27491;&#21453;&#2614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第１号様式（交付申請書）"/>
      <sheetName val="第１号様式_別紙１"/>
      <sheetName val="第１号様式_別紙２"/>
      <sheetName val="第１号様式_別紙３"/>
      <sheetName val="第２号様式（消費税仕入控除）"/>
      <sheetName val="第３号様式（変更承認申請書）"/>
      <sheetName val="第４号様式（事業実施状況報告書）"/>
      <sheetName val="第５号様式（実績報告）"/>
      <sheetName val="第５号様式_別紙１"/>
      <sheetName val="第５号様式_別紙２"/>
      <sheetName val="第５号様式_別紙３"/>
      <sheetName val="実績報告書（第６号様式)"/>
      <sheetName val="別紙５"/>
      <sheetName val="別紙６"/>
      <sheetName val="別紙６(1)"/>
      <sheetName val="別紙６(2)"/>
      <sheetName val="歳入歳出決算書抄本 "/>
      <sheetName val="受入病床確保事業確認書"/>
      <sheetName val="院内感染要件確認資料"/>
      <sheetName val="誓約書"/>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作成方法"/>
      <sheetName val="第１号様式"/>
      <sheetName val="別紙1"/>
      <sheetName val="別紙2"/>
      <sheetName val="第2号様式"/>
      <sheetName val="（別紙1）"/>
      <sheetName val="（別紙2）"/>
      <sheetName val="第3号様式"/>
      <sheetName val="〔別紙1〕"/>
      <sheetName val="〔別紙2〕"/>
      <sheetName val="第4号様式"/>
      <sheetName val="第5号様式"/>
      <sheetName val="第6号様式"/>
      <sheetName val="事業分類・区分"/>
      <sheetName val="補助率・係数"/>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救急医療対策事業</v>
          </cell>
          <cell r="C2" t="str">
            <v>周産期医療対策事業等</v>
          </cell>
          <cell r="D2" t="str">
            <v>看護職員確保対策事業</v>
          </cell>
          <cell r="E2" t="str">
            <v>歯科保健医療対策事業</v>
          </cell>
          <cell r="F2" t="str">
            <v>院内感染地域支援ネットワーク事業</v>
          </cell>
          <cell r="G2" t="str">
            <v>地域医療対策事業</v>
          </cell>
          <cell r="H2" t="str">
            <v>医療提供体制設備整備事業</v>
          </cell>
        </row>
      </sheetData>
      <sheetData sheetId="14"/>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作成方法"/>
      <sheetName val="第１号様式"/>
      <sheetName val="別紙1"/>
      <sheetName val="別紙2"/>
      <sheetName val="第2号様式"/>
      <sheetName val="（別紙1）"/>
      <sheetName val="（別紙2）"/>
      <sheetName val="第3号様式"/>
      <sheetName val="〔別紙1〕"/>
      <sheetName val="〔別紙2〕"/>
      <sheetName val="第4号様式"/>
      <sheetName val="第5号様式"/>
      <sheetName val="第6号様式"/>
      <sheetName val="事業分類・区分"/>
      <sheetName val="補助率・係数"/>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救急医療対策事業</v>
          </cell>
          <cell r="C2" t="str">
            <v>周産期医療対策事業等</v>
          </cell>
          <cell r="D2" t="str">
            <v>看護職員確保対策事業</v>
          </cell>
          <cell r="E2" t="str">
            <v>歯科保健医療対策事業</v>
          </cell>
          <cell r="F2" t="str">
            <v>院内感染地域支援ネットワーク事業</v>
          </cell>
          <cell r="G2" t="str">
            <v>地域医療対策事業</v>
          </cell>
          <cell r="H2" t="str">
            <v>医療提供体制設備整備事業</v>
          </cell>
        </row>
      </sheetData>
      <sheetData sheetId="1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7030A0"/>
  </sheetPr>
  <dimension ref="A1:L39"/>
  <sheetViews>
    <sheetView tabSelected="1" view="pageBreakPreview" zoomScaleNormal="100" zoomScaleSheetLayoutView="100" workbookViewId="0"/>
  </sheetViews>
  <sheetFormatPr defaultColWidth="8.08203125" defaultRowHeight="14"/>
  <cols>
    <col min="1" max="4" width="8.08203125" style="2"/>
    <col min="5" max="5" width="8.08203125" style="2" customWidth="1"/>
    <col min="6" max="12" width="5" style="2" customWidth="1"/>
    <col min="13" max="16384" width="8.08203125" style="2"/>
  </cols>
  <sheetData>
    <row r="1" spans="1:12" ht="18" customHeight="1">
      <c r="A1" s="1" t="s">
        <v>0</v>
      </c>
    </row>
    <row r="2" spans="1:12" ht="18" customHeight="1">
      <c r="A2" s="3"/>
      <c r="I2" s="4" t="s">
        <v>1</v>
      </c>
      <c r="J2" s="4"/>
      <c r="K2" s="4"/>
      <c r="L2" s="4"/>
    </row>
    <row r="3" spans="1:12" ht="18" customHeight="1">
      <c r="A3" s="3"/>
    </row>
    <row r="4" spans="1:12" ht="18" customHeight="1">
      <c r="A4" s="3"/>
    </row>
    <row r="5" spans="1:12" ht="18" customHeight="1">
      <c r="A5" s="3" t="s">
        <v>2</v>
      </c>
    </row>
    <row r="6" spans="1:12" ht="18" customHeight="1">
      <c r="A6" s="3"/>
    </row>
    <row r="7" spans="1:12" ht="18" customHeight="1">
      <c r="A7" s="3"/>
      <c r="E7" s="5" t="s">
        <v>3</v>
      </c>
      <c r="F7" s="5"/>
      <c r="G7" s="5"/>
      <c r="H7" s="5"/>
      <c r="I7" s="5"/>
      <c r="J7" s="5"/>
      <c r="K7" s="5"/>
      <c r="L7" s="5"/>
    </row>
    <row r="8" spans="1:12" ht="18" customHeight="1">
      <c r="A8" s="3"/>
      <c r="E8" s="5"/>
      <c r="F8" s="5"/>
      <c r="G8" s="5"/>
      <c r="H8" s="5"/>
      <c r="I8" s="5"/>
      <c r="J8" s="5"/>
      <c r="K8" s="5"/>
      <c r="L8" s="5"/>
    </row>
    <row r="9" spans="1:12" ht="18" customHeight="1">
      <c r="A9" s="3"/>
      <c r="E9" s="5" t="s">
        <v>4</v>
      </c>
      <c r="F9" s="5"/>
      <c r="G9" s="5"/>
      <c r="H9" s="5"/>
      <c r="I9" s="5"/>
      <c r="J9" s="5"/>
      <c r="K9" s="5"/>
      <c r="L9" s="5"/>
    </row>
    <row r="10" spans="1:12" ht="18" customHeight="1">
      <c r="A10" s="3"/>
      <c r="E10" s="5"/>
      <c r="F10" s="5"/>
      <c r="G10" s="5"/>
      <c r="H10" s="5"/>
      <c r="I10" s="5"/>
      <c r="J10" s="5"/>
      <c r="K10" s="5"/>
      <c r="L10" s="5"/>
    </row>
    <row r="11" spans="1:12" ht="18" customHeight="1">
      <c r="A11" s="3"/>
      <c r="E11" s="6" t="s">
        <v>5</v>
      </c>
      <c r="F11" s="6"/>
      <c r="G11" s="5"/>
      <c r="H11" s="5"/>
      <c r="I11" s="5"/>
      <c r="J11" s="5"/>
      <c r="K11" s="5"/>
      <c r="L11" s="5"/>
    </row>
    <row r="12" spans="1:12" ht="18" customHeight="1">
      <c r="A12" s="3"/>
      <c r="E12" s="6"/>
      <c r="F12" s="6"/>
      <c r="G12" s="5"/>
      <c r="H12" s="5"/>
      <c r="I12" s="5"/>
      <c r="J12" s="5"/>
      <c r="K12" s="5"/>
      <c r="L12" s="5"/>
    </row>
    <row r="13" spans="1:12" ht="6.65" customHeight="1">
      <c r="A13" s="3"/>
      <c r="E13" s="7"/>
      <c r="F13" s="7"/>
      <c r="G13" s="5"/>
      <c r="H13" s="5"/>
      <c r="I13" s="5"/>
      <c r="J13" s="5"/>
      <c r="K13" s="5"/>
      <c r="L13" s="5"/>
    </row>
    <row r="14" spans="1:12" ht="6.65" customHeight="1">
      <c r="A14" s="3"/>
      <c r="E14" s="7"/>
      <c r="F14" s="7"/>
      <c r="G14" s="5"/>
      <c r="H14" s="5"/>
      <c r="I14" s="5"/>
      <c r="J14" s="5"/>
      <c r="K14" s="5"/>
      <c r="L14" s="5"/>
    </row>
    <row r="15" spans="1:12" ht="6.65" customHeight="1">
      <c r="A15" s="3"/>
    </row>
    <row r="16" spans="1:12" ht="6.65" customHeight="1">
      <c r="A16" s="3"/>
    </row>
    <row r="17" spans="1:12" ht="18" customHeight="1">
      <c r="A17" s="8" t="s">
        <v>6</v>
      </c>
      <c r="B17" s="8"/>
      <c r="C17" s="8"/>
      <c r="D17" s="8"/>
      <c r="E17" s="8"/>
      <c r="F17" s="8"/>
      <c r="G17" s="8"/>
      <c r="H17" s="8"/>
      <c r="I17" s="8"/>
      <c r="J17" s="8"/>
      <c r="K17" s="8"/>
      <c r="L17" s="8"/>
    </row>
    <row r="18" spans="1:12" ht="18" customHeight="1">
      <c r="A18" s="8"/>
      <c r="B18" s="8"/>
      <c r="C18" s="8"/>
      <c r="D18" s="8"/>
      <c r="E18" s="8"/>
      <c r="F18" s="8"/>
      <c r="G18" s="8"/>
      <c r="H18" s="8"/>
      <c r="I18" s="8"/>
      <c r="J18" s="8"/>
      <c r="K18" s="8"/>
      <c r="L18" s="8"/>
    </row>
    <row r="19" spans="1:12" ht="18" customHeight="1">
      <c r="A19" s="3"/>
    </row>
    <row r="20" spans="1:12" ht="18" customHeight="1">
      <c r="A20" s="9" t="s">
        <v>7</v>
      </c>
      <c r="B20" s="9"/>
      <c r="C20" s="9"/>
      <c r="D20" s="9"/>
      <c r="E20" s="9"/>
      <c r="F20" s="9"/>
      <c r="G20" s="9"/>
      <c r="H20" s="9"/>
      <c r="I20" s="9"/>
      <c r="J20" s="9"/>
      <c r="K20" s="9"/>
      <c r="L20" s="9"/>
    </row>
    <row r="21" spans="1:12" ht="18" customHeight="1">
      <c r="A21" s="9"/>
      <c r="B21" s="9"/>
      <c r="C21" s="9"/>
      <c r="D21" s="9"/>
      <c r="E21" s="9"/>
      <c r="F21" s="9"/>
      <c r="G21" s="9"/>
      <c r="H21" s="9"/>
      <c r="I21" s="9"/>
      <c r="J21" s="9"/>
      <c r="K21" s="9"/>
      <c r="L21" s="9"/>
    </row>
    <row r="22" spans="1:12" ht="18" customHeight="1">
      <c r="A22" s="9"/>
      <c r="B22" s="9"/>
      <c r="C22" s="9"/>
      <c r="D22" s="9"/>
      <c r="E22" s="9"/>
      <c r="F22" s="9"/>
      <c r="G22" s="9"/>
      <c r="H22" s="9"/>
      <c r="I22" s="9"/>
      <c r="J22" s="9"/>
      <c r="K22" s="9"/>
      <c r="L22" s="9"/>
    </row>
    <row r="23" spans="1:12" ht="18" customHeight="1">
      <c r="A23" s="9"/>
      <c r="B23" s="9"/>
      <c r="C23" s="9"/>
      <c r="D23" s="9"/>
      <c r="E23" s="9"/>
      <c r="F23" s="9"/>
      <c r="G23" s="9"/>
      <c r="H23" s="9"/>
      <c r="I23" s="9"/>
      <c r="J23" s="9"/>
      <c r="K23" s="9"/>
      <c r="L23" s="9"/>
    </row>
    <row r="24" spans="1:12" ht="18" customHeight="1">
      <c r="A24" s="3"/>
    </row>
    <row r="25" spans="1:12" ht="18" customHeight="1">
      <c r="A25" s="3"/>
    </row>
    <row r="26" spans="1:12" ht="18" customHeight="1">
      <c r="A26" s="3" t="s">
        <v>8</v>
      </c>
    </row>
    <row r="27" spans="1:12" ht="18" customHeight="1">
      <c r="A27" s="3" t="s">
        <v>9</v>
      </c>
    </row>
    <row r="28" spans="1:12" ht="18" customHeight="1">
      <c r="A28" s="3"/>
    </row>
    <row r="29" spans="1:12" ht="18" customHeight="1">
      <c r="A29" s="3" t="s">
        <v>10</v>
      </c>
      <c r="E29" s="10" t="s">
        <v>11</v>
      </c>
      <c r="F29" s="10"/>
      <c r="G29" s="10"/>
      <c r="H29" s="10"/>
      <c r="I29" s="10"/>
      <c r="J29" s="10"/>
      <c r="K29" s="10"/>
    </row>
    <row r="30" spans="1:12" ht="18" customHeight="1">
      <c r="A30" s="3"/>
    </row>
    <row r="31" spans="1:12" ht="18" customHeight="1">
      <c r="A31" s="3" t="s">
        <v>12</v>
      </c>
    </row>
    <row r="32" spans="1:12" ht="18" customHeight="1">
      <c r="A32" s="3" t="s">
        <v>13</v>
      </c>
    </row>
    <row r="33" spans="1:11" ht="18" customHeight="1">
      <c r="A33" s="3"/>
    </row>
    <row r="34" spans="1:11" ht="18" customHeight="1">
      <c r="A34" s="3" t="s">
        <v>10</v>
      </c>
      <c r="E34" s="10" t="s">
        <v>11</v>
      </c>
      <c r="F34" s="10"/>
      <c r="G34" s="10"/>
      <c r="H34" s="10"/>
      <c r="I34" s="10"/>
      <c r="J34" s="10"/>
      <c r="K34" s="10"/>
    </row>
    <row r="35" spans="1:11" ht="18" customHeight="1"/>
    <row r="36" spans="1:11" ht="18" customHeight="1">
      <c r="A36" s="3" t="s">
        <v>14</v>
      </c>
    </row>
    <row r="37" spans="1:11" ht="18" customHeight="1">
      <c r="A37" s="3" t="s">
        <v>15</v>
      </c>
    </row>
    <row r="38" spans="1:11" ht="18" customHeight="1">
      <c r="A38" s="3" t="s">
        <v>16</v>
      </c>
    </row>
    <row r="39" spans="1:11">
      <c r="A39" s="3"/>
    </row>
  </sheetData>
  <mergeCells count="13">
    <mergeCell ref="G13:L13"/>
    <mergeCell ref="G14:L14"/>
    <mergeCell ref="A17:L18"/>
    <mergeCell ref="A20:L23"/>
    <mergeCell ref="E29:K29"/>
    <mergeCell ref="E34:K34"/>
    <mergeCell ref="I2:L2"/>
    <mergeCell ref="E7:F8"/>
    <mergeCell ref="G7:L8"/>
    <mergeCell ref="E9:F10"/>
    <mergeCell ref="G9:L10"/>
    <mergeCell ref="E11:F12"/>
    <mergeCell ref="G11:L12"/>
  </mergeCells>
  <phoneticPr fontId="5"/>
  <printOptions horizontalCentered="1"/>
  <pageMargins left="0.98425196850393704" right="0.98425196850393704" top="0.98425196850393704" bottom="0.98425196850393704" header="0.39370078740157483" footer="0.39370078740157483"/>
  <pageSetup paperSize="9" scale="90" orientation="portrait" blackAndWhite="1"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第２号様式（消費税仕入控除）</vt:lpstr>
      <vt:lpstr>'第２号様式（消費税仕入控除）'!OLE_LINK1</vt:lpstr>
      <vt:lpstr>'第２号様式（消費税仕入控除）'!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ent_mizuochi</dc:creator>
  <cp:lastModifiedBy>kent_mizuochi</cp:lastModifiedBy>
  <dcterms:created xsi:type="dcterms:W3CDTF">2024-08-15T14:22:20Z</dcterms:created>
  <dcterms:modified xsi:type="dcterms:W3CDTF">2024-08-15T14:23:11Z</dcterms:modified>
</cp:coreProperties>
</file>